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D:\Users\s0043067\Desktop\"/>
    </mc:Choice>
  </mc:AlternateContent>
  <bookViews>
    <workbookView xWindow="0" yWindow="0" windowWidth="20205" windowHeight="11970"/>
  </bookViews>
  <sheets>
    <sheet name="刊登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2">
  <si>
    <t>非法營業民宿名單（至109年4月30日止）</t>
    <phoneticPr fontId="1" type="noConversion"/>
  </si>
  <si>
    <t>序號</t>
    <phoneticPr fontId="1" type="noConversion"/>
  </si>
  <si>
    <t>民宿名稱</t>
    <phoneticPr fontId="1" type="noConversion"/>
  </si>
  <si>
    <t>違規項目</t>
    <phoneticPr fontId="1" type="noConversion"/>
  </si>
  <si>
    <t>民宿地址</t>
    <phoneticPr fontId="1" type="noConversion"/>
  </si>
  <si>
    <t>彩虹民宿（彩虹行館）</t>
  </si>
  <si>
    <t>無照營業</t>
    <phoneticPr fontId="1" type="noConversion"/>
  </si>
  <si>
    <t>金門縣金湖鎮下莊中興路101號</t>
    <phoneticPr fontId="1" type="noConversion"/>
  </si>
  <si>
    <t>無照營業</t>
    <phoneticPr fontId="1" type="noConversion"/>
  </si>
  <si>
    <t>金門縣金湖鎮湖前305號</t>
    <phoneticPr fontId="1" type="noConversion"/>
  </si>
  <si>
    <t>北歐小清新</t>
    <phoneticPr fontId="1" type="noConversion"/>
  </si>
  <si>
    <t>無照營業</t>
    <phoneticPr fontId="1" type="noConversion"/>
  </si>
  <si>
    <t>金門縣金城鎮榜林113之1號</t>
    <phoneticPr fontId="1" type="noConversion"/>
  </si>
  <si>
    <t>溫馨世家</t>
    <phoneticPr fontId="1" type="noConversion"/>
  </si>
  <si>
    <t>金門縣金城鎮庵前43-1號三樓</t>
    <phoneticPr fontId="1" type="noConversion"/>
  </si>
  <si>
    <t>金門舍民宿</t>
    <phoneticPr fontId="1" type="noConversion"/>
  </si>
  <si>
    <t>金門文創共享空間公寓</t>
    <phoneticPr fontId="1" type="noConversion"/>
  </si>
  <si>
    <t>金門縣金城鎮光前路64巷1號</t>
    <phoneticPr fontId="1" type="noConversion"/>
  </si>
  <si>
    <t>雲上民宿</t>
    <phoneticPr fontId="1" type="noConversion"/>
  </si>
  <si>
    <t>水頭FUN假趣</t>
    <phoneticPr fontId="1" type="noConversion"/>
  </si>
  <si>
    <t>金門縣金城鎮莒光路26巷2號</t>
    <phoneticPr fontId="1" type="noConversion"/>
  </si>
  <si>
    <t>金門縣金城鎮前水頭165號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16"/>
      <color theme="1"/>
      <name val="新細明體"/>
      <family val="2"/>
      <charset val="136"/>
      <scheme val="minor"/>
    </font>
    <font>
      <sz val="16"/>
      <color theme="1"/>
      <name val="新細明體"/>
      <family val="1"/>
      <charset val="136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5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9"/>
  <sheetViews>
    <sheetView tabSelected="1" zoomScaleNormal="100" zoomScalePageLayoutView="85" workbookViewId="0">
      <selection activeCell="D12" sqref="D12"/>
    </sheetView>
  </sheetViews>
  <sheetFormatPr defaultRowHeight="16.5" x14ac:dyDescent="0.25"/>
  <cols>
    <col min="1" max="1" width="7.875" customWidth="1"/>
    <col min="2" max="2" width="22.25" customWidth="1"/>
    <col min="3" max="3" width="15.625" customWidth="1"/>
    <col min="4" max="4" width="30" customWidth="1"/>
  </cols>
  <sheetData>
    <row r="1" spans="1:4" ht="30" customHeight="1" x14ac:dyDescent="0.25">
      <c r="A1" s="3" t="s">
        <v>0</v>
      </c>
      <c r="B1" s="4"/>
      <c r="C1" s="4"/>
      <c r="D1" s="4"/>
    </row>
    <row r="2" spans="1:4" ht="24.95" customHeight="1" x14ac:dyDescent="0.25">
      <c r="A2" s="1" t="s">
        <v>1</v>
      </c>
      <c r="B2" s="1" t="s">
        <v>2</v>
      </c>
      <c r="C2" s="1" t="s">
        <v>3</v>
      </c>
      <c r="D2" s="1" t="s">
        <v>4</v>
      </c>
    </row>
    <row r="3" spans="1:4" ht="24.95" customHeight="1" x14ac:dyDescent="0.25">
      <c r="A3" s="1">
        <v>1</v>
      </c>
      <c r="B3" s="2" t="s">
        <v>5</v>
      </c>
      <c r="C3" s="1" t="s">
        <v>6</v>
      </c>
      <c r="D3" s="2" t="s">
        <v>7</v>
      </c>
    </row>
    <row r="4" spans="1:4" ht="24.95" customHeight="1" x14ac:dyDescent="0.25">
      <c r="A4" s="1">
        <v>2</v>
      </c>
      <c r="B4" s="2" t="s">
        <v>18</v>
      </c>
      <c r="C4" s="1" t="s">
        <v>8</v>
      </c>
      <c r="D4" s="2" t="s">
        <v>9</v>
      </c>
    </row>
    <row r="5" spans="1:4" ht="24.95" customHeight="1" x14ac:dyDescent="0.25">
      <c r="A5" s="1">
        <v>3</v>
      </c>
      <c r="B5" s="2" t="s">
        <v>10</v>
      </c>
      <c r="C5" s="1" t="s">
        <v>11</v>
      </c>
      <c r="D5" s="2" t="s">
        <v>12</v>
      </c>
    </row>
    <row r="6" spans="1:4" ht="24.95" customHeight="1" x14ac:dyDescent="0.25">
      <c r="A6" s="1">
        <v>4</v>
      </c>
      <c r="B6" s="2" t="s">
        <v>13</v>
      </c>
      <c r="C6" s="1" t="s">
        <v>8</v>
      </c>
      <c r="D6" s="2" t="s">
        <v>14</v>
      </c>
    </row>
    <row r="7" spans="1:4" ht="24.95" customHeight="1" x14ac:dyDescent="0.25">
      <c r="A7" s="1">
        <v>5</v>
      </c>
      <c r="B7" s="2" t="s">
        <v>15</v>
      </c>
      <c r="C7" s="1" t="s">
        <v>8</v>
      </c>
      <c r="D7" s="2" t="s">
        <v>20</v>
      </c>
    </row>
    <row r="8" spans="1:4" ht="24.95" customHeight="1" x14ac:dyDescent="0.25">
      <c r="A8" s="1">
        <v>6</v>
      </c>
      <c r="B8" s="2" t="s">
        <v>19</v>
      </c>
      <c r="C8" s="1" t="s">
        <v>8</v>
      </c>
      <c r="D8" s="2" t="s">
        <v>21</v>
      </c>
    </row>
    <row r="9" spans="1:4" ht="24.95" customHeight="1" x14ac:dyDescent="0.25">
      <c r="A9" s="1">
        <v>7</v>
      </c>
      <c r="B9" s="2" t="s">
        <v>16</v>
      </c>
      <c r="C9" s="1" t="s">
        <v>8</v>
      </c>
      <c r="D9" s="2" t="s">
        <v>17</v>
      </c>
    </row>
  </sheetData>
  <mergeCells count="1">
    <mergeCell ref="A1:D1"/>
  </mergeCells>
  <phoneticPr fontId="1" type="noConversion"/>
  <pageMargins left="0.7" right="0.7" top="0.75" bottom="0.75" header="0.3" footer="0.3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刊登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許雅嵐</dc:creator>
  <cp:lastModifiedBy>薛宇倫</cp:lastModifiedBy>
  <cp:lastPrinted>2020-05-25T09:32:44Z</cp:lastPrinted>
  <dcterms:created xsi:type="dcterms:W3CDTF">2020-05-25T06:10:25Z</dcterms:created>
  <dcterms:modified xsi:type="dcterms:W3CDTF">2020-05-26T09:31:14Z</dcterms:modified>
</cp:coreProperties>
</file>